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648" r:id="rId9"/>
  </p:sldMasterIdLst>
  <p:notesMasterIdLst>
    <p:notesMasterId r:id="rId13"/>
  </p:notesMasterIdLst>
  <p:sldIdLst>
    <p:sldId id="256" r:id="rId10"/>
    <p:sldId id="259" r:id="rId11"/>
    <p:sldId id="258" r:id="rId12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3" name="Author" initials="A" lastIdx="0" clrIdx="2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7E66F3-01CF-475D-99D7-BD906D38E0D1}" v="55" dt="2022-01-21T15:07:47.60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09" autoAdjust="0"/>
    <p:restoredTop sz="94660"/>
  </p:normalViewPr>
  <p:slideViewPr>
    <p:cSldViewPr snapToGrid="0">
      <p:cViewPr varScale="1">
        <p:scale>
          <a:sx n="108" d="100"/>
          <a:sy n="108" d="100"/>
        </p:scale>
        <p:origin x="144" y="190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notesMaster" Target="notesMasters/notesMaster1.xml"/><Relationship Id="rId18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presProps" Target="presProps.xml"/><Relationship Id="rId10" Type="http://schemas.openxmlformats.org/officeDocument/2006/relationships/slide" Target="slides/slide1.xml"/><Relationship Id="rId19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commentAuthors" Target="commentAuthor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03-08-2023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#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03/08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 dirty="0"/>
              <a:t>Voeg titel </a:t>
            </a:r>
            <a:r>
              <a:rPr lang="en-US" dirty="0"/>
              <a:t>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nl-NL" noProof="0" smtClean="0"/>
              <a:t>03-08-2023</a:t>
            </a:fld>
            <a:endParaRPr lang="nl-NL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nl-NL" noProof="0" smtClean="0"/>
              <a:t>03-08-2023</a:t>
            </a:fld>
            <a:endParaRPr lang="nl-NL" noProof="0" dirty="0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/>
              <a:t>Voeg titel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03-08-2023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03-08-2023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03/08/2023</a:t>
            </a:fld>
            <a:endParaRPr lang="en-GB" dirty="0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60" y="34"/>
            <a:ext cx="10354976" cy="6857967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2711235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2000"/>
            </a:lvl1pPr>
          </a:lstStyle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 hier en kies een afbeelding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 de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/>
            </a:r>
            <a:b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emplafy bibliotheek óf klik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met de rechtermuisknop </a:t>
            </a:r>
            <a:b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 kies voor Opvulling &gt; Afbeelding</a:t>
            </a:r>
            <a:endParaRPr lang="nl-NL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nl-NL" noProof="0" smtClean="0"/>
              <a:t>03-08-2023</a:t>
            </a:fld>
            <a:endParaRPr lang="nl-NL" noProof="0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  <a:endParaRPr lang="en-GB" noProof="0" dirty="0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dirty="0" err="1"/>
              <a:t>Subregel</a:t>
            </a:r>
            <a:r>
              <a:rPr lang="nl-NL" dirty="0"/>
              <a:t> (optioneel)</a:t>
            </a:r>
            <a:endParaRPr lang="en-GB" dirty="0"/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550926CD-4435-3C8E-CA59-31A2DFAC522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230091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 dirty="0"/>
              <a:t>Click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text</a:t>
            </a:r>
            <a:endParaRPr lang="nl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03/08/20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3/08/2023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03/08/20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03/08/2023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03/08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 dirty="0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nl-NL" noProof="0" smtClean="0"/>
              <a:pPr/>
              <a:t>03-08-2023</a:t>
            </a:fld>
            <a:endParaRPr lang="nl-NL" noProof="0" dirty="0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6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image" Target="../media/image4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7" Type="http://schemas.openxmlformats.org/officeDocument/2006/relationships/image" Target="../media/image8.jpeg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4.xml"/><Relationship Id="rId6" Type="http://schemas.openxmlformats.org/officeDocument/2006/relationships/image" Target="../media/image7.jpeg"/><Relationship Id="rId5" Type="http://schemas.openxmlformats.org/officeDocument/2006/relationships/image" Target="../media/image6.jpeg"/><Relationship Id="rId4" Type="http://schemas.openxmlformats.org/officeDocument/2006/relationships/image" Target="../media/image5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2668E8A9-8F13-E963-BB83-E8BA27954CD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DA8DD72-951C-AB14-ED1F-41C345ECDB8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A7109067-0B41-76E2-E49E-C82306280FB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28406A0-448D-EE72-FA85-9D1CA6965358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4BE549-F67C-6CCA-71E2-8F1EBFC8FFD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91875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3/08/2023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</a:t>
            </a:fld>
            <a:endParaRPr lang="en-GB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90447" y="-322140"/>
            <a:ext cx="8715375" cy="732472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3017865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51394" y="2159017"/>
            <a:ext cx="10058400" cy="4698983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D41CDA-64C4-89AB-785A-C5E30C4724DA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2003B1D3-F118-4DC2-9C13-CFA16C6DBB7D}" type="datetime1">
              <a:rPr lang="en-GB" smtClean="0"/>
              <a:t>03/08/2023</a:t>
            </a:fld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84373-03A5-584D-6ABF-6C708DB7F285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9276" r="31951"/>
          <a:stretch/>
        </p:blipFill>
        <p:spPr>
          <a:xfrm>
            <a:off x="-372861" y="0"/>
            <a:ext cx="2894120" cy="4698983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8835" r="16681"/>
          <a:stretch/>
        </p:blipFill>
        <p:spPr>
          <a:xfrm>
            <a:off x="1864311" y="0"/>
            <a:ext cx="4474346" cy="4698983"/>
          </a:xfrm>
          <a:prstGeom prst="rect">
            <a:avLst/>
          </a:prstGeom>
        </p:spPr>
      </p:pic>
      <p:pic>
        <p:nvPicPr>
          <p:cNvPr id="9" name="Picture 8"/>
          <p:cNvPicPr>
            <a:picLocks noChangeAspect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7661" r="35040"/>
          <a:stretch/>
        </p:blipFill>
        <p:spPr>
          <a:xfrm>
            <a:off x="6241002" y="0"/>
            <a:ext cx="1740023" cy="469898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59877582"/>
      </p:ext>
    </p:extLst>
  </p:cSld>
  <p:clrMapOvr>
    <a:masterClrMapping/>
  </p:clrMapOvr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1,"isValidatorEnabled":false,"isLocked":false,"elementsMetadata":[],"slideId":"638120497833234773","enableDocumentContentUpdater":false,"version":"2.0"}]]></TemplafySlideTemplateConfiguration>
</file>

<file path=customXml/item2.xml><?xml version="1.0" encoding="utf-8"?>
<TemplafyTemplateConfiguration><![CDATA[{"elementsMetadata":[],"transformationConfigurations":[],"templateName":"Lege presentatie","templateDescription":"","enableDocumentContentUpdater":false,"version":"2.0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8120497833247032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89874F8B-1F31-46CD-B67E-9166E658CE75}">
  <ds:schemaRefs/>
</ds:datastoreItem>
</file>

<file path=customXml/itemProps2.xml><?xml version="1.0" encoding="utf-8"?>
<ds:datastoreItem xmlns:ds="http://schemas.openxmlformats.org/officeDocument/2006/customXml" ds:itemID="{2A40761F-85AA-4702-A927-F8420881183F}">
  <ds:schemaRefs/>
</ds:datastoreItem>
</file>

<file path=customXml/itemProps3.xml><?xml version="1.0" encoding="utf-8"?>
<ds:datastoreItem xmlns:ds="http://schemas.openxmlformats.org/officeDocument/2006/customXml" ds:itemID="{BFDADA36-9D63-44FC-B44D-7E566AA673ED}">
  <ds:schemaRefs/>
</ds:datastoreItem>
</file>

<file path=customXml/itemProps4.xml><?xml version="1.0" encoding="utf-8"?>
<ds:datastoreItem xmlns:ds="http://schemas.openxmlformats.org/officeDocument/2006/customXml" ds:itemID="{B5848203-8079-48D0-B797-5411685A96A0}">
  <ds:schemaRefs/>
</ds:datastoreItem>
</file>

<file path=customXml/itemProps5.xml><?xml version="1.0" encoding="utf-8"?>
<ds:datastoreItem xmlns:ds="http://schemas.openxmlformats.org/officeDocument/2006/customXml" ds:itemID="{3A6AFD18-F5BE-480E-BC9A-B400BFFC72A6}">
  <ds:schemaRefs/>
</ds:datastoreItem>
</file>

<file path=customXml/itemProps6.xml><?xml version="1.0" encoding="utf-8"?>
<ds:datastoreItem xmlns:ds="http://schemas.openxmlformats.org/officeDocument/2006/customXml" ds:itemID="{2199C647-B858-47F4-AD49-330F0EFA1381}">
  <ds:schemaRefs/>
</ds:datastoreItem>
</file>

<file path=customXml/itemProps7.xml><?xml version="1.0" encoding="utf-8"?>
<ds:datastoreItem xmlns:ds="http://schemas.openxmlformats.org/officeDocument/2006/customXml" ds:itemID="{FE73C345-2F10-4007-83C9-555850364CE5}">
  <ds:schemaRefs/>
</ds:datastoreItem>
</file>

<file path=customXml/itemProps8.xml><?xml version="1.0" encoding="utf-8"?>
<ds:datastoreItem xmlns:ds="http://schemas.openxmlformats.org/officeDocument/2006/customXml" ds:itemID="{20F1C34E-8EC8-4461-A021-6F7F31A05BA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0</TotalTime>
  <Words>4</Words>
  <Application>Microsoft Office PowerPoint</Application>
  <PresentationFormat>Widescreen</PresentationFormat>
  <Paragraphs>4</Paragraphs>
  <Slides>3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7" baseType="lpstr">
      <vt:lpstr>Arial</vt:lpstr>
      <vt:lpstr>Arial Black</vt:lpstr>
      <vt:lpstr>Calibri</vt:lpstr>
      <vt:lpstr>Erasmus MC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7-12T13:55:15Z</dcterms:created>
  <dcterms:modified xsi:type="dcterms:W3CDTF">2023-08-03T14:03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15T09:23:03</vt:lpwstr>
  </property>
  <property fmtid="{D5CDD505-2E9C-101B-9397-08002B2CF9AE}" pid="3" name="TemplafyTenantId">
    <vt:lpwstr>erasmusmc</vt:lpwstr>
  </property>
  <property fmtid="{D5CDD505-2E9C-101B-9397-08002B2CF9AE}" pid="4" name="TemplafyTemplateId">
    <vt:lpwstr>638120497810573478</vt:lpwstr>
  </property>
  <property fmtid="{D5CDD505-2E9C-101B-9397-08002B2CF9AE}" pid="5" name="TemplafyUserProfileId">
    <vt:lpwstr>637738028422688300</vt:lpwstr>
  </property>
  <property fmtid="{D5CDD505-2E9C-101B-9397-08002B2CF9AE}" pid="6" name="TemplafyFromBlank">
    <vt:bool>true</vt:bool>
  </property>
</Properties>
</file>